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b70522\Desktop\"/>
    </mc:Choice>
  </mc:AlternateContent>
  <xr:revisionPtr revIDLastSave="0" documentId="8_{31B00CEB-925F-4A16-B328-163B675D219D}" xr6:coauthVersionLast="47" xr6:coauthVersionMax="47" xr10:uidLastSave="{00000000-0000-0000-0000-000000000000}"/>
  <bookViews>
    <workbookView xWindow="-120" yWindow="-120" windowWidth="29040" windowHeight="15720" xr2:uid="{630719E0-23A6-4AC5-AD7A-0A0E6EFD3655}"/>
  </bookViews>
  <sheets>
    <sheet name="227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27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  <ext xmlns:xlwcv="http://schemas.microsoft.com/office/spreadsheetml/2024/workbookCompatibilityVersion" uri="{D14903EA-33C4-47F7-8F05-3474C54BE107}">
      <xlwcv:version setVersion="1"/>
    </ext>
  </extLst>
</workbook>
</file>

<file path=xl/sharedStrings.xml><?xml version="1.0" encoding="utf-8"?>
<sst xmlns="http://schemas.openxmlformats.org/spreadsheetml/2006/main" count="37" uniqueCount="30">
  <si>
    <t>名称№２２７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廃棄物処理（１）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ガラスくず</t>
  </si>
  <si>
    <t>収集運搬及び処分</t>
  </si>
  <si>
    <t>Ｋｇ</t>
  </si>
  <si>
    <t>廃プラスチック</t>
  </si>
  <si>
    <t>金属くず</t>
  </si>
  <si>
    <t>混合廃棄物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芝井　静男　様</t>
    <rPh sb="1" eb="3">
      <t>コウツウ</t>
    </rPh>
    <rPh sb="3" eb="5">
      <t>キョクチョウ</t>
    </rPh>
    <rPh sb="6" eb="7">
      <t>シバ</t>
    </rPh>
    <rPh sb="7" eb="8">
      <t>イ</t>
    </rPh>
    <rPh sb="9" eb="11">
      <t>シズオ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3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FF27EA5B-1784-48C3-BEBE-90CB7E79C3B7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0304;&#12293;&#26408;\&#20837;&#26413;&#26360;&#65288;&#26989;&#21209;&#65298;&#38917;&#30446;&#20197;&#19978;&#65289;&#8251;&#35336;&#31639;&#24335;&#12459;&#12483;&#12488;.xlsx" TargetMode="External"/><Relationship Id="rId1" Type="http://schemas.openxmlformats.org/officeDocument/2006/relationships/externalLinkPath" Target="file:///\\L21010-s-104\110&#32207;&#21209;&#35506;\112&#22865;&#32004;&#20418;\&#9670;&#21336;&#20385;&#22865;&#32004;\R8\&#9314;&#19968;&#33324;&#31478;&#20105;&#20837;&#26413;\3.&#21578;&#31034;&#36215;&#26696;&#65288;&#26989;&#21209;&#22996;&#35351;&#12288;&#65298;&#38917;&#30446;&#20197;&#19978;&#65289;\&#20304;&#12293;&#26408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201"/>
      <sheetName val="220"/>
      <sheetName val="227"/>
      <sheetName val="234"/>
      <sheetName val="237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D12F73-6A55-4192-9A45-1E413B4E5447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13" sqref="G13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500</v>
      </c>
      <c r="G9" s="32"/>
      <c r="H9" s="33"/>
    </row>
    <row r="10" spans="1:10" ht="24.95" customHeight="1" x14ac:dyDescent="0.15">
      <c r="A10" s="26">
        <v>2</v>
      </c>
      <c r="B10" s="34" t="s">
        <v>15</v>
      </c>
      <c r="C10" s="35">
        <v>1</v>
      </c>
      <c r="D10" s="36" t="s">
        <v>13</v>
      </c>
      <c r="E10" s="37" t="s">
        <v>14</v>
      </c>
      <c r="F10" s="31">
        <v>15140</v>
      </c>
      <c r="G10" s="38"/>
      <c r="H10" s="33"/>
    </row>
    <row r="11" spans="1:10" ht="24.95" customHeight="1" x14ac:dyDescent="0.15">
      <c r="A11" s="26">
        <v>3</v>
      </c>
      <c r="B11" s="34" t="s">
        <v>16</v>
      </c>
      <c r="C11" s="35">
        <v>1</v>
      </c>
      <c r="D11" s="36" t="s">
        <v>13</v>
      </c>
      <c r="E11" s="37" t="s">
        <v>14</v>
      </c>
      <c r="F11" s="31">
        <v>12670</v>
      </c>
      <c r="G11" s="38"/>
      <c r="H11" s="33"/>
    </row>
    <row r="12" spans="1:10" ht="24.95" customHeight="1" x14ac:dyDescent="0.15">
      <c r="A12" s="26">
        <v>4</v>
      </c>
      <c r="B12" s="34" t="s">
        <v>17</v>
      </c>
      <c r="C12" s="35">
        <v>1</v>
      </c>
      <c r="D12" s="36" t="s">
        <v>13</v>
      </c>
      <c r="E12" s="37" t="s">
        <v>14</v>
      </c>
      <c r="F12" s="31">
        <v>42451</v>
      </c>
      <c r="G12" s="38"/>
      <c r="H12" s="33"/>
    </row>
    <row r="13" spans="1:10" ht="24.95" customHeight="1" x14ac:dyDescent="0.15">
      <c r="A13" s="39"/>
      <c r="B13" s="40"/>
      <c r="C13" s="39"/>
      <c r="D13" s="41"/>
      <c r="E13" s="42"/>
      <c r="F13" s="43"/>
      <c r="G13" s="44"/>
      <c r="H13" s="45"/>
    </row>
    <row r="14" spans="1:10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18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19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0</v>
      </c>
      <c r="H42" s="65"/>
    </row>
    <row r="43" spans="1:8" ht="20.100000000000001" customHeight="1" x14ac:dyDescent="0.15">
      <c r="A43" s="65"/>
      <c r="B43" s="65" t="s">
        <v>21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2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3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4</v>
      </c>
      <c r="E46" s="65"/>
      <c r="F46" s="65"/>
      <c r="G46" s="65"/>
      <c r="H46" s="66" t="s">
        <v>25</v>
      </c>
    </row>
    <row r="47" spans="1:8" ht="20.100000000000001" customHeight="1" x14ac:dyDescent="0.15">
      <c r="A47" s="65"/>
      <c r="B47" s="65"/>
      <c r="C47" s="65"/>
      <c r="D47" s="66" t="s">
        <v>26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7</v>
      </c>
      <c r="E49" s="65"/>
      <c r="F49" s="68"/>
      <c r="G49" s="65"/>
      <c r="H49" s="66" t="s">
        <v>25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8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29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40">
    <cfRule type="expression" dxfId="2" priority="2" stopIfTrue="1">
      <formula>ISERROR(B9)</formula>
    </cfRule>
  </conditionalFormatting>
  <conditionalFormatting sqref="B9:G38">
    <cfRule type="expression" dxfId="1" priority="3" stopIfTrue="1">
      <formula>ISERROR(B9)</formula>
    </cfRule>
  </conditionalFormatting>
  <conditionalFormatting sqref="H9:H39">
    <cfRule type="expression" dxfId="0" priority="1" stopIfTrue="1">
      <formula>ISERROR(H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7</vt:lpstr>
      <vt:lpstr>'22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々木 春日</dc:creator>
  <cp:lastModifiedBy>佐々木 春日</cp:lastModifiedBy>
  <dcterms:created xsi:type="dcterms:W3CDTF">2026-02-10T12:34:39Z</dcterms:created>
  <dcterms:modified xsi:type="dcterms:W3CDTF">2026-02-10T12:34:53Z</dcterms:modified>
</cp:coreProperties>
</file>